
<file path=[Content_Types].xml><?xml version="1.0" encoding="utf-8"?>
<Types xmlns="http://schemas.openxmlformats.org/package/2006/content-types"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notesSlides/notesSlide1.xml" ContentType="application/vnd.openxmlformats-officedocument.presentationml.notesSlide+xml"/>
  <Override PartName="/ppt/slideMasters/slideMaster1.xml" ContentType="application/vnd.openxmlformats-officedocument.presentationml.slideMaster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slides/slide1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"/>
  </p:notesMasterIdLst>
  <p:sldIdLst>
    <p:sldId id="256" r:id="rId2"/>
  </p:sldIdLst>
  <p:sldSz cx="9144000" cy="6858000" type="screen4x3"/>
  <p:notesSz cx="6858000" cy="9144000"/>
  <p:custDataLst>
    <p:tags r:id="rId4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11" d="100"/>
          <a:sy n="111" d="100"/>
        </p:scale>
        <p:origin x="-978" y="-9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bleStyles" Target="tableStyles.xml"/><Relationship Id="rId3" Type="http://schemas.openxmlformats.org/officeDocument/2006/relationships/notesMaster" Target="notesMasters/notesMaster1.xml"/><Relationship Id="rId7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viewProps" Target="viewProps.xml"/><Relationship Id="rId5" Type="http://schemas.openxmlformats.org/officeDocument/2006/relationships/presProps" Target="presProps.xml"/><Relationship Id="rId4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A76C373C-73BA-4FA0-9287-0ED223AD4008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E665FCDF-232D-4E9F-B285-08CD2F24AE4B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665FCDF-232D-4E9F-B285-08CD2F24AE4B}" type="slidenum">
              <a:rPr lang="ru-RU" smtClean="0"/>
              <a:pPr/>
              <a:t>1</a:t>
            </a:fld>
            <a:endParaRPr lang="ru-RU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6CDA95B-5F00-42DF-B391-320397465E3C}" type="datetimeFigureOut">
              <a:rPr lang="ru-RU" smtClean="0"/>
              <a:pPr/>
              <a:t>03.04.2012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3768111-EF32-4DD0-B2B9-F78CFE172EFE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5-Point Star 3"/>
          <p:cNvSpPr/>
          <p:nvPr/>
        </p:nvSpPr>
        <p:spPr>
          <a:xfrm>
            <a:off x="3347864" y="2132856"/>
            <a:ext cx="2642592" cy="2426568"/>
          </a:xfrm>
          <a:prstGeom prst="star5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5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9" presetClass="emph" presetSubtype="0" fill="hold" grpId="1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Clr clrSpc="rgb">
                                      <p:cBhvr override="childStyle">
                                        <p:cTn id="14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animClr clrSpc="rgb">
                                      <p:cBhvr>
                                        <p:cTn id="15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16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7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8" presetClass="emph" presetSubtype="0" fill="hold" grpId="2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Rot by="21600000">
                                      <p:cBhvr>
                                        <p:cTn id="2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5" presetClass="emph" presetSubtype="0" fill="hold" grpId="3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Clr clrSpc="hsl">
                                      <p:cBhvr override="childStyle">
                                        <p:cTn id="25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70588" l="0"/>
                                      </p:by>
                                    </p:animClr>
                                    <p:animClr clrSpc="hsl">
                                      <p:cBhvr>
                                        <p:cTn id="26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70588" l="0"/>
                                      </p:by>
                                    </p:animClr>
                                    <p:animClr clrSpc="hsl">
                                      <p:cBhvr>
                                        <p:cTn id="27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70588" l="0"/>
                                      </p:by>
                                    </p:animClr>
                                    <p:set>
                                      <p:cBhvr>
                                        <p:cTn id="2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4" presetClass="emph" presetSubtype="0" fill="hold" grpId="4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Clr clrSpc="rgb">
                                      <p:cBhvr override="childStyle">
                                        <p:cTn id="32" dur="9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animClr clrSpc="rgb">
                                      <p:cBhvr>
                                        <p:cTn id="33" dur="9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chemeClr val="accent2"/>
                                      </p:to>
                                    </p:animClr>
                                    <p:set>
                                      <p:cBhvr>
                                        <p:cTn id="34" dur="9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35" dur="9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  <p:animScale>
                                      <p:cBhvr>
                                        <p:cTn id="36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from x="100000" y="100000"/>
                                      <p:to x="100000" y="5000"/>
                                    </p:animScale>
                                    <p:animScale>
                                      <p:cBhvr>
                                        <p:cTn id="37" dur="100" fill="hold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from x="100000" y="5000"/>
                                      <p:to x="120000" y="150000"/>
                                    </p:animScale>
                                    <p:animScale>
                                      <p:cBhvr>
                                        <p:cTn id="38" dur="300" fill="hold">
                                          <p:stCondLst>
                                            <p:cond delay="7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20000" y="15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3" presetClass="emph" presetSubtype="0" fill="hold" grpId="5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Clr clrSpc="hsl">
                                      <p:cBhvr override="childStyle">
                                        <p:cTn id="42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animClr clrSpc="hsl">
                                      <p:cBhvr>
                                        <p:cTn id="43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animClr clrSpc="hsl">
                                      <p:cBhvr>
                                        <p:cTn id="44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10842353" s="0" l="0"/>
                                      </p:by>
                                    </p:animClr>
                                    <p:set>
                                      <p:cBhvr>
                                        <p:cTn id="45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24" presetClass="emph" presetSubtype="0" fill="hold" grpId="6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0"/>
                                  </p:iterate>
                                  <p:childTnLst>
                                    <p:animClr clrSpc="hsl">
                                      <p:cBhvr override="childStyle">
                                        <p:cTn id="49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>
                                      <p:cBhvr>
                                        <p:cTn id="5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animClr clrSpc="hsl">
                                      <p:cBhvr>
                                        <p:cTn id="5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roke.color</p:attrName>
                                        </p:attrNameLst>
                                      </p:cBhvr>
                                      <p:by>
                                        <p:hsl h="0" s="-12549" l="-25098"/>
                                      </p:by>
                                    </p:animClr>
                                    <p:set>
                                      <p:cBhvr>
                                        <p:cTn id="52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4" grpId="1" animBg="1"/>
      <p:bldP spid="4" grpId="2" animBg="1"/>
      <p:bldP spid="4" grpId="3" animBg="1"/>
      <p:bldP spid="4" grpId="4" animBg="1"/>
      <p:bldP spid="4" grpId="5" animBg="1"/>
      <p:bldP spid="4" grpId="6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SCORM_RATE_QUIZZES" val="0"/>
  <p:tag name="ISPRING_SCORM_PASSING_SCORE" val="0.0000000000"/>
  <p:tag name="ISPRING_RESOURCE_PATHS_HASH_2" val="a51a276f31b47849ae34951b98c239777084e357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34</TotalTime>
  <Words>1</Words>
  <Application>Microsoft Office PowerPoint</Application>
  <PresentationFormat>On-screen Show (4:3)</PresentationFormat>
  <Paragraphs>1</Paragraphs>
  <Slides>1</Slides>
  <Notes>1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</vt:i4>
      </vt:variant>
    </vt:vector>
  </HeadingPairs>
  <TitlesOfParts>
    <vt:vector size="2" baseType="lpstr">
      <vt:lpstr>Office Theme</vt:lpstr>
      <vt:lpstr>Slide 1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esentation</dc:title>
  <dc:creator>iSpring Solutions Inc.</dc:creator>
  <cp:lastModifiedBy/>
  <cp:revision>10</cp:revision>
  <dcterms:created xsi:type="dcterms:W3CDTF">2012-01-27T18:25:20Z</dcterms:created>
  <dcterms:modified xsi:type="dcterms:W3CDTF">2012-04-03T12:14:50Z</dcterms:modified>
</cp:coreProperties>
</file>